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93FC0" w:rsidRPr="00E47EBF" w:rsidRDefault="0017304F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>様式第</w:t>
      </w:r>
      <w:r w:rsidRPr="00482B83">
        <w:rPr>
          <w:rFonts w:ascii="ＭＳ 明朝" w:hAnsi="ＭＳ 明朝" w:hint="eastAsia"/>
          <w:sz w:val="24"/>
        </w:rPr>
        <w:t>1</w:t>
      </w:r>
      <w:r w:rsidR="00354B82" w:rsidRPr="00482B83">
        <w:rPr>
          <w:rFonts w:ascii="ＭＳ 明朝" w:hAnsi="ＭＳ 明朝"/>
          <w:sz w:val="24"/>
        </w:rPr>
        <w:t>9</w:t>
      </w:r>
      <w:r w:rsidRPr="00E47EBF">
        <w:rPr>
          <w:rFonts w:ascii="ＭＳ 明朝" w:hAnsi="ＭＳ 明朝" w:hint="eastAsia"/>
          <w:sz w:val="24"/>
        </w:rPr>
        <w:t>号（第</w:t>
      </w:r>
      <w:r w:rsidR="00D35377">
        <w:rPr>
          <w:rFonts w:ascii="ＭＳ 明朝" w:hAnsi="ＭＳ 明朝" w:hint="eastAsia"/>
          <w:sz w:val="24"/>
        </w:rPr>
        <w:t>22</w:t>
      </w:r>
      <w:r w:rsidR="00193FC0" w:rsidRPr="00E47EBF">
        <w:rPr>
          <w:rFonts w:ascii="ＭＳ 明朝" w:hAnsi="ＭＳ 明朝" w:hint="eastAsia"/>
          <w:sz w:val="24"/>
        </w:rPr>
        <w:t>条関係）</w:t>
      </w:r>
    </w:p>
    <w:p w:rsidR="00193FC0" w:rsidRPr="00E47EBF" w:rsidRDefault="00193FC0" w:rsidP="00B070DC">
      <w:pPr>
        <w:overflowPunct w:val="0"/>
        <w:autoSpaceDE w:val="0"/>
        <w:autoSpaceDN w:val="0"/>
        <w:ind w:right="4"/>
        <w:jc w:val="right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kern w:val="0"/>
          <w:sz w:val="24"/>
        </w:rPr>
        <w:t>沖市指令第　　　　　号</w:t>
      </w:r>
    </w:p>
    <w:p w:rsidR="00193FC0" w:rsidRPr="00E47EBF" w:rsidRDefault="00193FC0" w:rsidP="00B070DC">
      <w:pPr>
        <w:wordWrap w:val="0"/>
        <w:overflowPunct w:val="0"/>
        <w:autoSpaceDE w:val="0"/>
        <w:autoSpaceDN w:val="0"/>
        <w:ind w:right="27"/>
        <w:jc w:val="right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kern w:val="0"/>
          <w:sz w:val="24"/>
        </w:rPr>
        <w:t xml:space="preserve">　</w:t>
      </w:r>
      <w:r w:rsidR="00B070DC" w:rsidRPr="00E47EBF">
        <w:rPr>
          <w:rFonts w:ascii="ＭＳ 明朝" w:hAnsi="ＭＳ 明朝" w:hint="eastAsia"/>
          <w:kern w:val="0"/>
          <w:sz w:val="24"/>
        </w:rPr>
        <w:t xml:space="preserve">　　</w:t>
      </w:r>
      <w:r w:rsidRPr="00E47EBF">
        <w:rPr>
          <w:rFonts w:ascii="ＭＳ 明朝" w:hAnsi="ＭＳ 明朝" w:hint="eastAsia"/>
          <w:kern w:val="0"/>
          <w:sz w:val="24"/>
        </w:rPr>
        <w:t xml:space="preserve">　年　　月　　日</w:t>
      </w:r>
    </w:p>
    <w:p w:rsidR="00193FC0" w:rsidRPr="00E47EBF" w:rsidRDefault="00193FC0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bookmarkStart w:id="0" w:name="_GoBack"/>
      <w:bookmarkEnd w:id="0"/>
    </w:p>
    <w:p w:rsidR="00193FC0" w:rsidRPr="00E47EBF" w:rsidRDefault="00193FC0" w:rsidP="00E47EBF">
      <w:pPr>
        <w:wordWrap w:val="0"/>
        <w:overflowPunct w:val="0"/>
        <w:autoSpaceDE w:val="0"/>
        <w:autoSpaceDN w:val="0"/>
        <w:ind w:firstLineChars="200" w:firstLine="48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 xml:space="preserve">住所　</w:t>
      </w:r>
    </w:p>
    <w:p w:rsidR="00193FC0" w:rsidRPr="00E47EBF" w:rsidRDefault="00876243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 xml:space="preserve">　　氏名　</w:t>
      </w:r>
    </w:p>
    <w:p w:rsidR="00193FC0" w:rsidRPr="00E47EBF" w:rsidRDefault="00D744D7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 xml:space="preserve">　　（法人にあっては、名称及び代表者の氏名）</w:t>
      </w:r>
    </w:p>
    <w:p w:rsidR="00193FC0" w:rsidRPr="00E47EBF" w:rsidRDefault="00193FC0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p w:rsidR="00193FC0" w:rsidRPr="00E47EBF" w:rsidRDefault="00193FC0" w:rsidP="00876243">
      <w:pPr>
        <w:wordWrap w:val="0"/>
        <w:overflowPunct w:val="0"/>
        <w:autoSpaceDE w:val="0"/>
        <w:autoSpaceDN w:val="0"/>
        <w:spacing w:after="360"/>
        <w:ind w:right="4"/>
        <w:jc w:val="right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 xml:space="preserve">沖縄市長　　　</w:t>
      </w:r>
      <w:r w:rsidR="00876243" w:rsidRPr="00E47EBF">
        <w:rPr>
          <w:rFonts w:ascii="ＭＳ 明朝" w:hAnsi="ＭＳ 明朝" w:hint="eastAsia"/>
          <w:sz w:val="24"/>
        </w:rPr>
        <w:t xml:space="preserve">　　</w:t>
      </w:r>
      <w:r w:rsidR="0013763C" w:rsidRPr="00E47EBF">
        <w:rPr>
          <w:rFonts w:ascii="ＭＳ 明朝" w:hAnsi="ＭＳ 明朝" w:hint="eastAsia"/>
          <w:sz w:val="24"/>
        </w:rPr>
        <w:t xml:space="preserve">　　　　</w:t>
      </w:r>
    </w:p>
    <w:p w:rsidR="00193FC0" w:rsidRPr="00E47EBF" w:rsidRDefault="00193FC0">
      <w:pPr>
        <w:wordWrap w:val="0"/>
        <w:overflowPunct w:val="0"/>
        <w:autoSpaceDE w:val="0"/>
        <w:autoSpaceDN w:val="0"/>
        <w:spacing w:after="360"/>
        <w:jc w:val="center"/>
        <w:rPr>
          <w:rFonts w:ascii="ＭＳ 明朝" w:hAnsi="ＭＳ 明朝"/>
          <w:bCs/>
          <w:sz w:val="24"/>
        </w:rPr>
      </w:pPr>
      <w:r w:rsidRPr="00E47EBF">
        <w:rPr>
          <w:rFonts w:ascii="ＭＳ 明朝" w:hAnsi="ＭＳ 明朝" w:hint="eastAsia"/>
          <w:bCs/>
          <w:sz w:val="24"/>
        </w:rPr>
        <w:t>一般廃棄物収集運搬業許可証</w:t>
      </w:r>
    </w:p>
    <w:p w:rsidR="00193FC0" w:rsidRPr="00E47EBF" w:rsidRDefault="00193FC0">
      <w:pPr>
        <w:wordWrap w:val="0"/>
        <w:overflowPunct w:val="0"/>
        <w:autoSpaceDE w:val="0"/>
        <w:autoSpaceDN w:val="0"/>
        <w:spacing w:after="360"/>
        <w:ind w:left="210" w:hanging="21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 xml:space="preserve">　　廃棄物の処理及び清掃に関する法律第</w:t>
      </w:r>
      <w:r w:rsidR="0017304F" w:rsidRPr="00E47EBF">
        <w:rPr>
          <w:rFonts w:ascii="ＭＳ 明朝" w:hAnsi="ＭＳ 明朝" w:hint="eastAsia"/>
          <w:sz w:val="24"/>
        </w:rPr>
        <w:t>7条第1</w:t>
      </w:r>
      <w:r w:rsidRPr="00E47EBF">
        <w:rPr>
          <w:rFonts w:ascii="ＭＳ 明朝" w:hAnsi="ＭＳ 明朝" w:hint="eastAsia"/>
          <w:sz w:val="24"/>
        </w:rPr>
        <w:t>項(第</w:t>
      </w:r>
      <w:r w:rsidR="0017304F" w:rsidRPr="00E47EBF">
        <w:rPr>
          <w:rFonts w:ascii="ＭＳ 明朝" w:hAnsi="ＭＳ 明朝" w:hint="eastAsia"/>
          <w:sz w:val="24"/>
        </w:rPr>
        <w:t>7</w:t>
      </w:r>
      <w:r w:rsidRPr="00E47EBF">
        <w:rPr>
          <w:rFonts w:ascii="ＭＳ 明朝" w:hAnsi="ＭＳ 明朝" w:hint="eastAsia"/>
          <w:sz w:val="24"/>
        </w:rPr>
        <w:t>条の</w:t>
      </w:r>
      <w:r w:rsidR="0017304F" w:rsidRPr="00E47EBF">
        <w:rPr>
          <w:rFonts w:ascii="ＭＳ 明朝" w:hAnsi="ＭＳ 明朝" w:hint="eastAsia"/>
          <w:sz w:val="24"/>
        </w:rPr>
        <w:t>2</w:t>
      </w:r>
      <w:r w:rsidRPr="00E47EBF">
        <w:rPr>
          <w:rFonts w:ascii="ＭＳ 明朝" w:hAnsi="ＭＳ 明朝" w:hint="eastAsia"/>
          <w:sz w:val="24"/>
        </w:rPr>
        <w:t>第</w:t>
      </w:r>
      <w:r w:rsidR="0017304F" w:rsidRPr="00E47EBF">
        <w:rPr>
          <w:rFonts w:ascii="ＭＳ 明朝" w:hAnsi="ＭＳ 明朝" w:hint="eastAsia"/>
          <w:sz w:val="24"/>
        </w:rPr>
        <w:t>1</w:t>
      </w:r>
      <w:r w:rsidRPr="00E47EBF">
        <w:rPr>
          <w:rFonts w:ascii="ＭＳ 明朝" w:hAnsi="ＭＳ 明朝" w:hint="eastAsia"/>
          <w:sz w:val="24"/>
        </w:rPr>
        <w:t>項)の規定により、次のとおり許可します。</w:t>
      </w:r>
    </w:p>
    <w:p w:rsidR="00193FC0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>１　事業の範囲</w:t>
      </w:r>
    </w:p>
    <w:p w:rsidR="00D744D7" w:rsidRPr="00E47EBF" w:rsidRDefault="00D744D7" w:rsidP="00E47EB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ind w:firstLineChars="100" w:firstLine="24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>（１）事業の内容</w:t>
      </w:r>
    </w:p>
    <w:p w:rsidR="00D744D7" w:rsidRPr="00E47EBF" w:rsidRDefault="00D744D7" w:rsidP="00E47EB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ind w:firstLineChars="100" w:firstLine="240"/>
        <w:rPr>
          <w:rFonts w:ascii="ＭＳ 明朝" w:hAnsi="ＭＳ 明朝"/>
          <w:sz w:val="24"/>
        </w:rPr>
      </w:pPr>
    </w:p>
    <w:p w:rsidR="00D744D7" w:rsidRPr="00E47EBF" w:rsidRDefault="00D744D7" w:rsidP="00E47EB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ind w:firstLineChars="100" w:firstLine="24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>（２）取り扱う一般廃棄物の種類</w:t>
      </w: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>２　業務の区域</w:t>
      </w: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>３　許可の期間</w:t>
      </w:r>
    </w:p>
    <w:p w:rsidR="00D744D7" w:rsidRPr="00E47EBF" w:rsidRDefault="00CD3E75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 xml:space="preserve">　　　　年　　月　　日から　　年　　月　　日まで</w:t>
      </w: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>４　許可番号</w:t>
      </w: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>５　許可の条件</w:t>
      </w: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E47EBF">
        <w:rPr>
          <w:rFonts w:ascii="ＭＳ 明朝" w:hAnsi="ＭＳ 明朝" w:hint="eastAsia"/>
          <w:sz w:val="24"/>
        </w:rPr>
        <w:t>６　変更等の状況</w:t>
      </w:r>
    </w:p>
    <w:p w:rsidR="00D744D7" w:rsidRPr="00E47EBF" w:rsidRDefault="00D744D7" w:rsidP="00D744D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sectPr w:rsidR="00D744D7" w:rsidRPr="00E47EBF">
      <w:pgSz w:w="11906" w:h="16838" w:code="9"/>
      <w:pgMar w:top="1701" w:right="1361" w:bottom="1701" w:left="136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87944" w:rsidRDefault="00687944">
      <w:r>
        <w:separator/>
      </w:r>
    </w:p>
  </w:endnote>
  <w:endnote w:type="continuationSeparator" w:id="0">
    <w:p w:rsidR="00687944" w:rsidRDefault="0068794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87944" w:rsidRDefault="00687944">
      <w:r>
        <w:separator/>
      </w:r>
    </w:p>
  </w:footnote>
  <w:footnote w:type="continuationSeparator" w:id="0">
    <w:p w:rsidR="00687944" w:rsidRDefault="00687944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BF71A12"/>
    <w:multiLevelType w:val="hybridMultilevel"/>
    <w:tmpl w:val="6430FFC8"/>
    <w:lvl w:ilvl="0" w:tplc="BC3AABEE">
      <w:start w:val="1"/>
      <w:numFmt w:val="decimalFullWidth"/>
      <w:lvlText w:val="（%1）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840"/>
        </w:tabs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100"/>
        </w:tabs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360"/>
        </w:tabs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3780"/>
        </w:tabs>
        <w:ind w:left="3780" w:hanging="420"/>
      </w:pPr>
    </w:lvl>
  </w:abstractNum>
  <w:abstractNum w:abstractNumId="1" w15:restartNumberingAfterBreak="0">
    <w:nsid w:val="6B8F2639"/>
    <w:multiLevelType w:val="hybridMultilevel"/>
    <w:tmpl w:val="0650A31C"/>
    <w:lvl w:ilvl="0" w:tplc="95A45C30">
      <w:start w:val="1"/>
      <w:numFmt w:val="decimal"/>
      <w:lvlText w:val="(%1)"/>
      <w:lvlJc w:val="left"/>
      <w:pPr>
        <w:tabs>
          <w:tab w:val="num" w:pos="833"/>
        </w:tabs>
        <w:ind w:left="833" w:hanging="36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1313"/>
        </w:tabs>
        <w:ind w:left="1313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733"/>
        </w:tabs>
        <w:ind w:left="1733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153"/>
        </w:tabs>
        <w:ind w:left="2153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573"/>
        </w:tabs>
        <w:ind w:left="2573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993"/>
        </w:tabs>
        <w:ind w:left="2993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413"/>
        </w:tabs>
        <w:ind w:left="3413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833"/>
        </w:tabs>
        <w:ind w:left="3833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4253"/>
        </w:tabs>
        <w:ind w:left="4253" w:hanging="42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3E320E"/>
    <w:rsid w:val="00021D3F"/>
    <w:rsid w:val="0013763C"/>
    <w:rsid w:val="0017304F"/>
    <w:rsid w:val="00193FC0"/>
    <w:rsid w:val="0027304E"/>
    <w:rsid w:val="00354B82"/>
    <w:rsid w:val="003677CC"/>
    <w:rsid w:val="003D064E"/>
    <w:rsid w:val="003D4816"/>
    <w:rsid w:val="003E320E"/>
    <w:rsid w:val="00482B83"/>
    <w:rsid w:val="004D3217"/>
    <w:rsid w:val="0056155D"/>
    <w:rsid w:val="00687944"/>
    <w:rsid w:val="00737994"/>
    <w:rsid w:val="00876243"/>
    <w:rsid w:val="00A61ABE"/>
    <w:rsid w:val="00B070DC"/>
    <w:rsid w:val="00BD6D66"/>
    <w:rsid w:val="00C805B2"/>
    <w:rsid w:val="00CD3E75"/>
    <w:rsid w:val="00D35377"/>
    <w:rsid w:val="00D744D7"/>
    <w:rsid w:val="00E47EBF"/>
    <w:rsid w:val="00EE3F90"/>
    <w:rsid w:val="00EF38D8"/>
    <w:rsid w:val="00FF0EA8"/>
    <w:rsid w:val="00FF3F7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26C75FB7-891C-4E23-B5D4-1A988F9EE42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  <w:rPr>
      <w:rFonts w:ascii="ＭＳ 明朝"/>
      <w:szCs w:val="20"/>
    </w:r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  <w:rPr>
      <w:rFonts w:ascii="ＭＳ 明朝"/>
      <w:szCs w:val="20"/>
    </w:rPr>
  </w:style>
  <w:style w:type="paragraph" w:styleId="a5">
    <w:name w:val="Balloon Text"/>
    <w:basedOn w:val="a"/>
    <w:link w:val="a6"/>
    <w:uiPriority w:val="99"/>
    <w:semiHidden/>
    <w:unhideWhenUsed/>
    <w:rsid w:val="003D4816"/>
    <w:rPr>
      <w:rFonts w:ascii="Arial" w:eastAsia="ＭＳ ゴシック" w:hAnsi="Arial"/>
      <w:sz w:val="18"/>
      <w:szCs w:val="18"/>
    </w:rPr>
  </w:style>
  <w:style w:type="character" w:customStyle="1" w:styleId="a6">
    <w:name w:val="吹き出し (文字)"/>
    <w:link w:val="a5"/>
    <w:uiPriority w:val="99"/>
    <w:semiHidden/>
    <w:rsid w:val="003D4816"/>
    <w:rPr>
      <w:rFonts w:ascii="Arial" w:eastAsia="ＭＳ ゴシック" w:hAnsi="Arial" w:cs="Times New Roman"/>
      <w:kern w:val="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7;&#65305;&#21495;&#65288;&#31532;&#65298;&#65298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１９号（第２２条関係）.dotx</Template>
  <TotalTime>0</TotalTime>
  <Pages>1</Pages>
  <Words>38</Words>
  <Characters>221</Characters>
  <Application>Microsoft Office Word</Application>
  <DocSecurity>0</DocSecurity>
  <Lines>1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様式第12号(第16条関係)</vt:lpstr>
      <vt:lpstr>様式第12号(第16条関係)</vt:lpstr>
    </vt:vector>
  </TitlesOfParts>
  <Company>沖縄市役所</Company>
  <LinksUpToDate>false</LinksUpToDate>
  <CharactersWithSpaces>25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様式第12号(第16条関係)</dc:title>
  <dc:subject/>
  <dc:creator>宮里　直英</dc:creator>
  <cp:keywords/>
  <dc:description/>
  <cp:lastModifiedBy>宮里　直英</cp:lastModifiedBy>
  <cp:revision>2</cp:revision>
  <cp:lastPrinted>2009-04-07T07:08:00Z</cp:lastPrinted>
  <dcterms:created xsi:type="dcterms:W3CDTF">2018-06-28T10:01:00Z</dcterms:created>
  <dcterms:modified xsi:type="dcterms:W3CDTF">2018-06-28T10:09:00Z</dcterms:modified>
</cp:coreProperties>
</file>